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1\"/>
    </mc:Choice>
  </mc:AlternateContent>
  <bookViews>
    <workbookView xWindow="0" yWindow="0" windowWidth="17988" windowHeight="7956"/>
  </bookViews>
  <sheets>
    <sheet name="1-7" sheetId="1" r:id="rId1"/>
  </sheets>
  <definedNames>
    <definedName name="_xlnm.Print_Area" localSheetId="0">'1-7'!$A$1:$U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6" i="1" l="1"/>
  <c r="O6" i="1"/>
  <c r="N6" i="1"/>
  <c r="M6" i="1"/>
  <c r="L6" i="1"/>
  <c r="K6" i="1"/>
  <c r="J6" i="1"/>
  <c r="I6" i="1"/>
  <c r="H6" i="1"/>
  <c r="G6" i="1"/>
  <c r="F6" i="1"/>
  <c r="E6" i="1"/>
  <c r="D6" i="1"/>
  <c r="C6" i="1"/>
  <c r="B6" i="1"/>
  <c r="P5" i="1"/>
  <c r="P4" i="1" s="1"/>
  <c r="O5" i="1"/>
  <c r="O4" i="1" s="1"/>
  <c r="N5" i="1"/>
  <c r="N4" i="1" s="1"/>
  <c r="M5" i="1"/>
  <c r="L5" i="1"/>
  <c r="L4" i="1" s="1"/>
  <c r="K5" i="1"/>
  <c r="K4" i="1" s="1"/>
  <c r="J5" i="1"/>
  <c r="J4" i="1" s="1"/>
  <c r="I5" i="1"/>
  <c r="H5" i="1"/>
  <c r="H4" i="1" s="1"/>
  <c r="G5" i="1"/>
  <c r="G4" i="1" s="1"/>
  <c r="F5" i="1"/>
  <c r="F4" i="1" s="1"/>
  <c r="E5" i="1"/>
  <c r="D5" i="1"/>
  <c r="D4" i="1" s="1"/>
  <c r="C5" i="1"/>
  <c r="C4" i="1" s="1"/>
  <c r="B5" i="1"/>
  <c r="B4" i="1" s="1"/>
  <c r="M4" i="1"/>
  <c r="I4" i="1"/>
  <c r="E4" i="1"/>
</calcChain>
</file>

<file path=xl/sharedStrings.xml><?xml version="1.0" encoding="utf-8"?>
<sst xmlns="http://schemas.openxmlformats.org/spreadsheetml/2006/main" count="103" uniqueCount="57">
  <si>
    <t>1-7表　核家族世帯数</t>
    <phoneticPr fontId="4"/>
  </si>
  <si>
    <t>（単位：世帯）</t>
    <rPh sb="0" eb="1">
      <t>タンイ</t>
    </rPh>
    <rPh sb="2" eb="4">
      <t>セタイ</t>
    </rPh>
    <phoneticPr fontId="4"/>
  </si>
  <si>
    <t>　区分
市町村名</t>
    <rPh sb="5" eb="8">
      <t>シチョウソン</t>
    </rPh>
    <rPh sb="8" eb="9">
      <t>メイ</t>
    </rPh>
    <phoneticPr fontId="4"/>
  </si>
  <si>
    <t>平成12年</t>
    <rPh sb="4" eb="5">
      <t>ネン</t>
    </rPh>
    <phoneticPr fontId="4"/>
  </si>
  <si>
    <t>平成17年</t>
    <rPh sb="4" eb="5">
      <t>ネン</t>
    </rPh>
    <phoneticPr fontId="4"/>
  </si>
  <si>
    <t>平成22年</t>
    <rPh sb="4" eb="5">
      <t>ネン</t>
    </rPh>
    <phoneticPr fontId="4"/>
  </si>
  <si>
    <t>平成27年</t>
    <rPh sb="4" eb="5">
      <t>ネン</t>
    </rPh>
    <phoneticPr fontId="4"/>
  </si>
  <si>
    <t>令和2年</t>
    <rPh sb="0" eb="2">
      <t>レイワ</t>
    </rPh>
    <rPh sb="3" eb="4">
      <t>ネン</t>
    </rPh>
    <phoneticPr fontId="4"/>
  </si>
  <si>
    <t>総数</t>
    <phoneticPr fontId="4"/>
  </si>
  <si>
    <t>うち男親と子ども世帯</t>
    <rPh sb="2" eb="3">
      <t>オトコ</t>
    </rPh>
    <rPh sb="3" eb="4">
      <t>オヤ</t>
    </rPh>
    <phoneticPr fontId="4"/>
  </si>
  <si>
    <t>うち女親と子ども世帯</t>
    <rPh sb="2" eb="3">
      <t>オンナ</t>
    </rPh>
    <rPh sb="3" eb="4">
      <t>オヤ</t>
    </rPh>
    <phoneticPr fontId="4"/>
  </si>
  <si>
    <t>県計</t>
    <phoneticPr fontId="5"/>
  </si>
  <si>
    <t>市計</t>
  </si>
  <si>
    <t>町村計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城山町</t>
  </si>
  <si>
    <t>･</t>
    <phoneticPr fontId="4"/>
  </si>
  <si>
    <t>･</t>
  </si>
  <si>
    <t>津久井町</t>
  </si>
  <si>
    <t>相模湖町</t>
  </si>
  <si>
    <t>藤野町</t>
  </si>
  <si>
    <t>資料:国勢調査（各年10月1日現在）</t>
    <rPh sb="3" eb="5">
      <t>チョウサ</t>
    </rPh>
    <rPh sb="6" eb="7">
      <t>カク</t>
    </rPh>
    <rPh sb="8" eb="11">
      <t>１０ツキ</t>
    </rPh>
    <rPh sb="12" eb="13">
      <t>ヒ</t>
    </rPh>
    <rPh sb="13" eb="15">
      <t>ゲンザイ</t>
    </rPh>
    <phoneticPr fontId="4"/>
  </si>
  <si>
    <t>（注１）核家族世帯とは、(1)夫婦のみ(2)夫婦と子供からなる世帯(3)男親と子供からなる世帯(4)女親と子供からなる世帯をいう。</t>
    <rPh sb="1" eb="2">
      <t>チュウ</t>
    </rPh>
    <rPh sb="4" eb="5">
      <t>カク</t>
    </rPh>
    <rPh sb="5" eb="7">
      <t>カゾク</t>
    </rPh>
    <rPh sb="7" eb="9">
      <t>セタイ</t>
    </rPh>
    <rPh sb="15" eb="17">
      <t>フウフ</t>
    </rPh>
    <rPh sb="22" eb="24">
      <t>フウフ</t>
    </rPh>
    <rPh sb="25" eb="27">
      <t>コドモ</t>
    </rPh>
    <rPh sb="31" eb="33">
      <t>セタイ</t>
    </rPh>
    <rPh sb="36" eb="37">
      <t>オトコ</t>
    </rPh>
    <rPh sb="37" eb="38">
      <t>オヤ</t>
    </rPh>
    <rPh sb="39" eb="41">
      <t>コドモ</t>
    </rPh>
    <rPh sb="45" eb="47">
      <t>セタイ</t>
    </rPh>
    <rPh sb="50" eb="51">
      <t>オンナ</t>
    </rPh>
    <rPh sb="51" eb="52">
      <t>オヤ</t>
    </rPh>
    <rPh sb="53" eb="55">
      <t>コドモ</t>
    </rPh>
    <rPh sb="59" eb="61">
      <t>セタイ</t>
    </rPh>
    <phoneticPr fontId="4"/>
  </si>
  <si>
    <t>（注２）津久井町と相模湖町は平成18年3月20日に、城山町と藤野町は平成19年3月11日に相模原市と合併した。</t>
    <rPh sb="1" eb="2">
      <t>チュウ</t>
    </rPh>
    <rPh sb="26" eb="28">
      <t>シロヤマ</t>
    </rPh>
    <rPh sb="28" eb="29">
      <t>マチ</t>
    </rPh>
    <rPh sb="30" eb="32">
      <t>フジノ</t>
    </rPh>
    <rPh sb="32" eb="33">
      <t>マチ</t>
    </rPh>
    <rPh sb="34" eb="36">
      <t>ヘイセイ</t>
    </rPh>
    <rPh sb="38" eb="39">
      <t>ネン</t>
    </rPh>
    <rPh sb="40" eb="41">
      <t>ツキ</t>
    </rPh>
    <rPh sb="43" eb="44">
      <t>ヒ</t>
    </rPh>
    <phoneticPr fontId="4"/>
  </si>
  <si>
    <t>（注３）相模原市は、平成22年４月１日から政令指定都市となった。</t>
    <rPh sb="1" eb="2">
      <t>チュウ</t>
    </rPh>
    <rPh sb="4" eb="8">
      <t>サガミハラシ</t>
    </rPh>
    <rPh sb="10" eb="12">
      <t>ヘイセイ</t>
    </rPh>
    <rPh sb="14" eb="15">
      <t>ネン</t>
    </rPh>
    <rPh sb="16" eb="17">
      <t>ツキ</t>
    </rPh>
    <rPh sb="18" eb="19">
      <t>ヒ</t>
    </rPh>
    <rPh sb="21" eb="23">
      <t>セイレイ</t>
    </rPh>
    <rPh sb="23" eb="25">
      <t>シテイ</t>
    </rPh>
    <rPh sb="25" eb="27">
      <t>トシ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#,##0_ "/>
  </numFmts>
  <fonts count="7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 diagonalDown="1">
      <left style="medium">
        <color indexed="64"/>
      </left>
      <right style="medium">
        <color indexed="64"/>
      </right>
      <top style="medium">
        <color indexed="64"/>
      </top>
      <bottom/>
      <diagonal style="thin">
        <color indexed="64"/>
      </diagonal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 diagonalDown="1">
      <left style="medium">
        <color indexed="64"/>
      </left>
      <right style="medium">
        <color indexed="64"/>
      </right>
      <top/>
      <bottom style="medium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176" fontId="1" fillId="0" borderId="0"/>
  </cellStyleXfs>
  <cellXfs count="53">
    <xf numFmtId="0" fontId="0" fillId="0" borderId="0" xfId="0"/>
    <xf numFmtId="176" fontId="2" fillId="2" borderId="1" xfId="1" applyFont="1" applyFill="1" applyBorder="1" applyAlignment="1">
      <alignment horizontal="left" vertical="center"/>
    </xf>
    <xf numFmtId="176" fontId="2" fillId="2" borderId="1" xfId="1" quotePrefix="1" applyFont="1" applyFill="1" applyBorder="1" applyAlignment="1">
      <alignment vertical="center"/>
    </xf>
    <xf numFmtId="176" fontId="2" fillId="2" borderId="0" xfId="1" applyFont="1" applyFill="1" applyAlignment="1">
      <alignment vertical="center"/>
    </xf>
    <xf numFmtId="176" fontId="2" fillId="2" borderId="0" xfId="1" applyFont="1" applyFill="1" applyAlignment="1">
      <alignment horizontal="left" vertical="center"/>
    </xf>
    <xf numFmtId="176" fontId="2" fillId="2" borderId="1" xfId="1" quotePrefix="1" applyFont="1" applyFill="1" applyBorder="1" applyAlignment="1">
      <alignment horizontal="right" vertical="center"/>
    </xf>
    <xf numFmtId="176" fontId="2" fillId="3" borderId="7" xfId="1" applyFont="1" applyFill="1" applyBorder="1" applyAlignment="1">
      <alignment horizontal="distributed" vertical="center" justifyLastLine="1"/>
    </xf>
    <xf numFmtId="176" fontId="2" fillId="3" borderId="1" xfId="1" applyFont="1" applyFill="1" applyBorder="1" applyAlignment="1">
      <alignment horizontal="center" vertical="center" wrapText="1"/>
    </xf>
    <xf numFmtId="176" fontId="2" fillId="3" borderId="8" xfId="1" applyFont="1" applyFill="1" applyBorder="1" applyAlignment="1">
      <alignment horizontal="center" vertical="center" wrapText="1"/>
    </xf>
    <xf numFmtId="176" fontId="2" fillId="4" borderId="9" xfId="0" applyNumberFormat="1" applyFont="1" applyFill="1" applyBorder="1" applyAlignment="1">
      <alignment horizontal="distributed" vertical="center" justifyLastLine="1"/>
    </xf>
    <xf numFmtId="41" fontId="6" fillId="4" borderId="10" xfId="1" applyNumberFormat="1" applyFont="1" applyFill="1" applyBorder="1" applyAlignment="1">
      <alignment vertical="center"/>
    </xf>
    <xf numFmtId="41" fontId="6" fillId="4" borderId="11" xfId="1" applyNumberFormat="1" applyFont="1" applyFill="1" applyBorder="1" applyAlignment="1">
      <alignment vertical="center"/>
    </xf>
    <xf numFmtId="41" fontId="6" fillId="4" borderId="5" xfId="1" applyNumberFormat="1" applyFont="1" applyFill="1" applyBorder="1" applyAlignment="1">
      <alignment vertical="center"/>
    </xf>
    <xf numFmtId="176" fontId="2" fillId="4" borderId="12" xfId="0" applyNumberFormat="1" applyFont="1" applyFill="1" applyBorder="1" applyAlignment="1">
      <alignment horizontal="distributed" vertical="center" justifyLastLine="1"/>
    </xf>
    <xf numFmtId="41" fontId="6" fillId="4" borderId="13" xfId="1" applyNumberFormat="1" applyFont="1" applyFill="1" applyBorder="1" applyAlignment="1">
      <alignment vertical="center"/>
    </xf>
    <xf numFmtId="41" fontId="6" fillId="4" borderId="14" xfId="1" applyNumberFormat="1" applyFont="1" applyFill="1" applyBorder="1" applyAlignment="1">
      <alignment vertical="center"/>
    </xf>
    <xf numFmtId="41" fontId="6" fillId="4" borderId="15" xfId="1" applyNumberFormat="1" applyFont="1" applyFill="1" applyBorder="1" applyAlignment="1">
      <alignment vertical="center"/>
    </xf>
    <xf numFmtId="176" fontId="2" fillId="4" borderId="16" xfId="0" applyNumberFormat="1" applyFont="1" applyFill="1" applyBorder="1" applyAlignment="1">
      <alignment horizontal="distributed" vertical="center" justifyLastLine="1"/>
    </xf>
    <xf numFmtId="41" fontId="6" fillId="4" borderId="17" xfId="1" applyNumberFormat="1" applyFont="1" applyFill="1" applyBorder="1" applyAlignment="1">
      <alignment vertical="center"/>
    </xf>
    <xf numFmtId="41" fontId="6" fillId="4" borderId="18" xfId="1" applyNumberFormat="1" applyFont="1" applyFill="1" applyBorder="1" applyAlignment="1">
      <alignment vertical="center"/>
    </xf>
    <xf numFmtId="41" fontId="6" fillId="4" borderId="19" xfId="1" applyNumberFormat="1" applyFont="1" applyFill="1" applyBorder="1" applyAlignment="1">
      <alignment vertical="center"/>
    </xf>
    <xf numFmtId="176" fontId="2" fillId="2" borderId="12" xfId="1" applyFont="1" applyFill="1" applyBorder="1" applyAlignment="1">
      <alignment vertical="center"/>
    </xf>
    <xf numFmtId="41" fontId="2" fillId="2" borderId="13" xfId="1" applyNumberFormat="1" applyFont="1" applyFill="1" applyBorder="1" applyAlignment="1">
      <alignment vertical="center"/>
    </xf>
    <xf numFmtId="41" fontId="2" fillId="2" borderId="14" xfId="1" applyNumberFormat="1" applyFont="1" applyFill="1" applyBorder="1" applyAlignment="1">
      <alignment vertical="center"/>
    </xf>
    <xf numFmtId="41" fontId="2" fillId="2" borderId="20" xfId="1" applyNumberFormat="1" applyFont="1" applyFill="1" applyBorder="1" applyAlignment="1">
      <alignment vertical="center"/>
    </xf>
    <xf numFmtId="41" fontId="2" fillId="2" borderId="15" xfId="1" applyNumberFormat="1" applyFont="1" applyFill="1" applyBorder="1" applyAlignment="1">
      <alignment vertical="center"/>
    </xf>
    <xf numFmtId="176" fontId="2" fillId="2" borderId="16" xfId="1" applyFont="1" applyFill="1" applyBorder="1" applyAlignment="1">
      <alignment vertical="center"/>
    </xf>
    <xf numFmtId="41" fontId="2" fillId="2" borderId="17" xfId="1" applyNumberFormat="1" applyFont="1" applyFill="1" applyBorder="1" applyAlignment="1">
      <alignment vertical="center"/>
    </xf>
    <xf numFmtId="41" fontId="2" fillId="2" borderId="18" xfId="1" applyNumberFormat="1" applyFont="1" applyFill="1" applyBorder="1" applyAlignment="1">
      <alignment vertical="center"/>
    </xf>
    <xf numFmtId="41" fontId="2" fillId="2" borderId="21" xfId="1" applyNumberFormat="1" applyFont="1" applyFill="1" applyBorder="1" applyAlignment="1">
      <alignment vertical="center"/>
    </xf>
    <xf numFmtId="41" fontId="2" fillId="2" borderId="19" xfId="1" applyNumberFormat="1" applyFont="1" applyFill="1" applyBorder="1" applyAlignment="1">
      <alignment vertical="center"/>
    </xf>
    <xf numFmtId="41" fontId="2" fillId="2" borderId="22" xfId="1" applyNumberFormat="1" applyFont="1" applyFill="1" applyBorder="1" applyAlignment="1">
      <alignment vertical="center"/>
    </xf>
    <xf numFmtId="41" fontId="2" fillId="2" borderId="13" xfId="1" applyNumberFormat="1" applyFont="1" applyFill="1" applyBorder="1" applyAlignment="1">
      <alignment horizontal="right" vertical="center"/>
    </xf>
    <xf numFmtId="41" fontId="2" fillId="2" borderId="14" xfId="1" applyNumberFormat="1" applyFont="1" applyFill="1" applyBorder="1" applyAlignment="1">
      <alignment horizontal="right" vertical="center"/>
    </xf>
    <xf numFmtId="41" fontId="2" fillId="2" borderId="20" xfId="1" applyNumberFormat="1" applyFont="1" applyFill="1" applyBorder="1" applyAlignment="1">
      <alignment horizontal="right" vertical="center"/>
    </xf>
    <xf numFmtId="176" fontId="2" fillId="2" borderId="12" xfId="1" applyFont="1" applyFill="1" applyBorder="1" applyAlignment="1">
      <alignment horizontal="left" vertical="center"/>
    </xf>
    <xf numFmtId="176" fontId="2" fillId="2" borderId="23" xfId="1" applyFont="1" applyFill="1" applyBorder="1" applyAlignment="1">
      <alignment horizontal="left" vertical="center"/>
    </xf>
    <xf numFmtId="41" fontId="2" fillId="2" borderId="24" xfId="1" applyNumberFormat="1" applyFont="1" applyFill="1" applyBorder="1" applyAlignment="1">
      <alignment vertical="center"/>
    </xf>
    <xf numFmtId="41" fontId="2" fillId="2" borderId="25" xfId="1" applyNumberFormat="1" applyFont="1" applyFill="1" applyBorder="1" applyAlignment="1">
      <alignment vertical="center"/>
    </xf>
    <xf numFmtId="41" fontId="2" fillId="2" borderId="8" xfId="1" applyNumberFormat="1" applyFont="1" applyFill="1" applyBorder="1" applyAlignment="1">
      <alignment vertical="center"/>
    </xf>
    <xf numFmtId="41" fontId="2" fillId="2" borderId="24" xfId="1" applyNumberFormat="1" applyFont="1" applyFill="1" applyBorder="1" applyAlignment="1">
      <alignment horizontal="right" vertical="center"/>
    </xf>
    <xf numFmtId="41" fontId="2" fillId="2" borderId="25" xfId="1" applyNumberFormat="1" applyFont="1" applyFill="1" applyBorder="1" applyAlignment="1">
      <alignment horizontal="right" vertical="center"/>
    </xf>
    <xf numFmtId="41" fontId="2" fillId="2" borderId="8" xfId="1" applyNumberFormat="1" applyFont="1" applyFill="1" applyBorder="1" applyAlignment="1">
      <alignment horizontal="right" vertical="center"/>
    </xf>
    <xf numFmtId="176" fontId="2" fillId="2" borderId="0" xfId="1" quotePrefix="1" applyFont="1" applyFill="1" applyBorder="1" applyAlignment="1">
      <alignment vertical="center"/>
    </xf>
    <xf numFmtId="176" fontId="2" fillId="2" borderId="0" xfId="1" applyFont="1" applyFill="1" applyAlignment="1">
      <alignment vertical="center" wrapText="1"/>
    </xf>
    <xf numFmtId="176" fontId="2" fillId="0" borderId="0" xfId="1" applyNumberFormat="1" applyFont="1" applyAlignment="1">
      <alignment vertical="center"/>
    </xf>
    <xf numFmtId="41" fontId="2" fillId="2" borderId="0" xfId="1" applyNumberFormat="1" applyFont="1" applyFill="1" applyBorder="1" applyAlignment="1">
      <alignment vertical="center"/>
    </xf>
    <xf numFmtId="176" fontId="2" fillId="2" borderId="0" xfId="1" applyFont="1" applyFill="1" applyBorder="1" applyAlignment="1">
      <alignment vertical="center"/>
    </xf>
    <xf numFmtId="176" fontId="2" fillId="3" borderId="2" xfId="1" applyFont="1" applyFill="1" applyBorder="1" applyAlignment="1">
      <alignment horizontal="center" vertical="center" wrapText="1" justifyLastLine="1"/>
    </xf>
    <xf numFmtId="176" fontId="2" fillId="3" borderId="6" xfId="1" applyFont="1" applyFill="1" applyBorder="1" applyAlignment="1">
      <alignment horizontal="center" vertical="center" wrapText="1" justifyLastLine="1"/>
    </xf>
    <xf numFmtId="176" fontId="2" fillId="3" borderId="3" xfId="1" applyFont="1" applyFill="1" applyBorder="1" applyAlignment="1">
      <alignment horizontal="distributed" vertical="center" justifyLastLine="1"/>
    </xf>
    <xf numFmtId="176" fontId="2" fillId="3" borderId="4" xfId="1" applyFont="1" applyFill="1" applyBorder="1" applyAlignment="1">
      <alignment horizontal="distributed" vertical="center" justifyLastLine="1"/>
    </xf>
    <xf numFmtId="176" fontId="2" fillId="3" borderId="5" xfId="1" applyFont="1" applyFill="1" applyBorder="1" applyAlignment="1">
      <alignment horizontal="distributed" vertical="center" justifyLastLine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59"/>
  <sheetViews>
    <sheetView showGridLines="0" tabSelected="1" view="pageBreakPreview" zoomScaleNormal="100" zoomScaleSheetLayoutView="100" workbookViewId="0">
      <pane xSplit="1" ySplit="3" topLeftCell="B4" activePane="bottomRight" state="frozen"/>
      <selection activeCell="D8" sqref="D8"/>
      <selection pane="topRight" activeCell="D8" sqref="D8"/>
      <selection pane="bottomLeft" activeCell="D8" sqref="D8"/>
      <selection pane="bottomRight"/>
    </sheetView>
  </sheetViews>
  <sheetFormatPr defaultColWidth="9" defaultRowHeight="18" customHeight="1" x14ac:dyDescent="0.2"/>
  <cols>
    <col min="1" max="1" width="9.109375" style="4" customWidth="1"/>
    <col min="2" max="2" width="12.44140625" style="3" customWidth="1"/>
    <col min="3" max="4" width="11.21875" style="3" customWidth="1"/>
    <col min="5" max="5" width="12.44140625" style="3" customWidth="1"/>
    <col min="6" max="7" width="11.21875" style="3" customWidth="1"/>
    <col min="8" max="8" width="12.44140625" style="3" customWidth="1"/>
    <col min="9" max="10" width="11.21875" style="3" customWidth="1"/>
    <col min="11" max="11" width="12.44140625" style="3" customWidth="1"/>
    <col min="12" max="13" width="11.21875" style="3" customWidth="1"/>
    <col min="14" max="14" width="12.44140625" style="3" customWidth="1"/>
    <col min="15" max="16" width="11.21875" style="3" customWidth="1"/>
    <col min="17" max="16384" width="9" style="3"/>
  </cols>
  <sheetData>
    <row r="1" spans="1:16" ht="18" customHeight="1" thickBot="1" x14ac:dyDescent="0.25">
      <c r="A1" s="1" t="s">
        <v>0</v>
      </c>
      <c r="B1" s="2"/>
      <c r="C1" s="2"/>
      <c r="D1" s="2"/>
      <c r="G1" s="4"/>
      <c r="H1" s="4"/>
      <c r="I1" s="4"/>
      <c r="J1" s="5"/>
      <c r="L1" s="5"/>
      <c r="M1" s="5"/>
      <c r="O1" s="5"/>
      <c r="P1" s="5" t="s">
        <v>1</v>
      </c>
    </row>
    <row r="2" spans="1:16" ht="18" customHeight="1" x14ac:dyDescent="0.2">
      <c r="A2" s="48" t="s">
        <v>2</v>
      </c>
      <c r="B2" s="50" t="s">
        <v>3</v>
      </c>
      <c r="C2" s="51"/>
      <c r="D2" s="52"/>
      <c r="E2" s="50" t="s">
        <v>4</v>
      </c>
      <c r="F2" s="51"/>
      <c r="G2" s="52"/>
      <c r="H2" s="50" t="s">
        <v>5</v>
      </c>
      <c r="I2" s="51"/>
      <c r="J2" s="52"/>
      <c r="K2" s="50" t="s">
        <v>6</v>
      </c>
      <c r="L2" s="51"/>
      <c r="M2" s="52"/>
      <c r="N2" s="50" t="s">
        <v>7</v>
      </c>
      <c r="O2" s="51"/>
      <c r="P2" s="52"/>
    </row>
    <row r="3" spans="1:16" ht="36" customHeight="1" thickBot="1" x14ac:dyDescent="0.25">
      <c r="A3" s="49"/>
      <c r="B3" s="6" t="s">
        <v>8</v>
      </c>
      <c r="C3" s="7" t="s">
        <v>9</v>
      </c>
      <c r="D3" s="8" t="s">
        <v>10</v>
      </c>
      <c r="E3" s="6" t="s">
        <v>8</v>
      </c>
      <c r="F3" s="7" t="s">
        <v>9</v>
      </c>
      <c r="G3" s="8" t="s">
        <v>10</v>
      </c>
      <c r="H3" s="6" t="s">
        <v>8</v>
      </c>
      <c r="I3" s="7" t="s">
        <v>9</v>
      </c>
      <c r="J3" s="8" t="s">
        <v>10</v>
      </c>
      <c r="K3" s="6" t="s">
        <v>8</v>
      </c>
      <c r="L3" s="7" t="s">
        <v>9</v>
      </c>
      <c r="M3" s="8" t="s">
        <v>10</v>
      </c>
      <c r="N3" s="6" t="s">
        <v>8</v>
      </c>
      <c r="O3" s="7" t="s">
        <v>9</v>
      </c>
      <c r="P3" s="8" t="s">
        <v>10</v>
      </c>
    </row>
    <row r="4" spans="1:16" ht="18" customHeight="1" x14ac:dyDescent="0.2">
      <c r="A4" s="9" t="s">
        <v>11</v>
      </c>
      <c r="B4" s="10">
        <f t="shared" ref="B4:J4" si="0">SUM(B5:B6)</f>
        <v>2058621</v>
      </c>
      <c r="C4" s="11">
        <f t="shared" si="0"/>
        <v>40573</v>
      </c>
      <c r="D4" s="12">
        <f t="shared" si="0"/>
        <v>199513</v>
      </c>
      <c r="E4" s="10">
        <f t="shared" si="0"/>
        <v>2172367</v>
      </c>
      <c r="F4" s="11">
        <f t="shared" si="0"/>
        <v>45961</v>
      </c>
      <c r="G4" s="12">
        <f t="shared" si="0"/>
        <v>230232</v>
      </c>
      <c r="H4" s="10">
        <f t="shared" si="0"/>
        <v>2269363</v>
      </c>
      <c r="I4" s="11">
        <f t="shared" si="0"/>
        <v>49973</v>
      </c>
      <c r="J4" s="12">
        <f t="shared" si="0"/>
        <v>261317</v>
      </c>
      <c r="K4" s="10">
        <f t="shared" ref="K4:P4" si="1">SUM(K5:K6)</f>
        <v>2315349</v>
      </c>
      <c r="L4" s="11">
        <f t="shared" si="1"/>
        <v>52208</v>
      </c>
      <c r="M4" s="12">
        <f t="shared" si="1"/>
        <v>276884</v>
      </c>
      <c r="N4" s="10">
        <f t="shared" si="1"/>
        <v>2350377</v>
      </c>
      <c r="O4" s="11">
        <f t="shared" si="1"/>
        <v>54961</v>
      </c>
      <c r="P4" s="12">
        <f t="shared" si="1"/>
        <v>297056</v>
      </c>
    </row>
    <row r="5" spans="1:16" ht="18" customHeight="1" x14ac:dyDescent="0.2">
      <c r="A5" s="13" t="s">
        <v>12</v>
      </c>
      <c r="B5" s="14">
        <f t="shared" ref="B5:P5" si="2">SUM(B7:B25)</f>
        <v>1974042</v>
      </c>
      <c r="C5" s="15">
        <f t="shared" si="2"/>
        <v>38759</v>
      </c>
      <c r="D5" s="16">
        <f t="shared" si="2"/>
        <v>191358</v>
      </c>
      <c r="E5" s="14">
        <f t="shared" si="2"/>
        <v>2084801</v>
      </c>
      <c r="F5" s="15">
        <f t="shared" si="2"/>
        <v>43901</v>
      </c>
      <c r="G5" s="16">
        <f t="shared" si="2"/>
        <v>220847</v>
      </c>
      <c r="H5" s="14">
        <f t="shared" si="2"/>
        <v>2196473</v>
      </c>
      <c r="I5" s="15">
        <f t="shared" si="2"/>
        <v>48137</v>
      </c>
      <c r="J5" s="16">
        <f t="shared" si="2"/>
        <v>252709</v>
      </c>
      <c r="K5" s="14">
        <f t="shared" si="2"/>
        <v>2243530</v>
      </c>
      <c r="L5" s="15">
        <f t="shared" si="2"/>
        <v>50295</v>
      </c>
      <c r="M5" s="16">
        <f t="shared" si="2"/>
        <v>268107</v>
      </c>
      <c r="N5" s="14">
        <f t="shared" si="2"/>
        <v>2277034</v>
      </c>
      <c r="O5" s="15">
        <f t="shared" si="2"/>
        <v>52811</v>
      </c>
      <c r="P5" s="16">
        <f t="shared" si="2"/>
        <v>287457</v>
      </c>
    </row>
    <row r="6" spans="1:16" ht="18" customHeight="1" thickBot="1" x14ac:dyDescent="0.25">
      <c r="A6" s="17" t="s">
        <v>13</v>
      </c>
      <c r="B6" s="18">
        <f t="shared" ref="B6:P6" si="3">SUM(B26:B43)</f>
        <v>84579</v>
      </c>
      <c r="C6" s="19">
        <f t="shared" si="3"/>
        <v>1814</v>
      </c>
      <c r="D6" s="20">
        <f t="shared" si="3"/>
        <v>8155</v>
      </c>
      <c r="E6" s="18">
        <f t="shared" si="3"/>
        <v>87566</v>
      </c>
      <c r="F6" s="19">
        <f t="shared" si="3"/>
        <v>2060</v>
      </c>
      <c r="G6" s="20">
        <f t="shared" si="3"/>
        <v>9385</v>
      </c>
      <c r="H6" s="18">
        <f t="shared" si="3"/>
        <v>72890</v>
      </c>
      <c r="I6" s="19">
        <f t="shared" si="3"/>
        <v>1836</v>
      </c>
      <c r="J6" s="20">
        <f t="shared" si="3"/>
        <v>8608</v>
      </c>
      <c r="K6" s="18">
        <f t="shared" si="3"/>
        <v>71819</v>
      </c>
      <c r="L6" s="19">
        <f t="shared" si="3"/>
        <v>1913</v>
      </c>
      <c r="M6" s="20">
        <f t="shared" si="3"/>
        <v>8777</v>
      </c>
      <c r="N6" s="18">
        <f t="shared" si="3"/>
        <v>73343</v>
      </c>
      <c r="O6" s="19">
        <f t="shared" si="3"/>
        <v>2150</v>
      </c>
      <c r="P6" s="20">
        <f t="shared" si="3"/>
        <v>9599</v>
      </c>
    </row>
    <row r="7" spans="1:16" ht="18" customHeight="1" thickTop="1" x14ac:dyDescent="0.2">
      <c r="A7" s="21" t="s">
        <v>14</v>
      </c>
      <c r="B7" s="22">
        <v>853475</v>
      </c>
      <c r="C7" s="23">
        <v>16029</v>
      </c>
      <c r="D7" s="24">
        <v>81495</v>
      </c>
      <c r="E7" s="22">
        <v>905635</v>
      </c>
      <c r="F7" s="23">
        <v>18065</v>
      </c>
      <c r="G7" s="24">
        <v>93555</v>
      </c>
      <c r="H7" s="22">
        <v>947693</v>
      </c>
      <c r="I7" s="23">
        <v>20062</v>
      </c>
      <c r="J7" s="25">
        <v>107099</v>
      </c>
      <c r="K7" s="22">
        <v>966951</v>
      </c>
      <c r="L7" s="23">
        <v>20440</v>
      </c>
      <c r="M7" s="25">
        <v>113251</v>
      </c>
      <c r="N7" s="22">
        <v>971451</v>
      </c>
      <c r="O7" s="23">
        <v>21312</v>
      </c>
      <c r="P7" s="25">
        <v>120031</v>
      </c>
    </row>
    <row r="8" spans="1:16" ht="18" customHeight="1" x14ac:dyDescent="0.2">
      <c r="A8" s="21" t="s">
        <v>15</v>
      </c>
      <c r="B8" s="22">
        <v>297525</v>
      </c>
      <c r="C8" s="23">
        <v>6266</v>
      </c>
      <c r="D8" s="24">
        <v>29486</v>
      </c>
      <c r="E8" s="22">
        <v>319257</v>
      </c>
      <c r="F8" s="23">
        <v>6851</v>
      </c>
      <c r="G8" s="24">
        <v>33832</v>
      </c>
      <c r="H8" s="22">
        <v>341516</v>
      </c>
      <c r="I8" s="23">
        <v>7101</v>
      </c>
      <c r="J8" s="25">
        <v>38299</v>
      </c>
      <c r="K8" s="22">
        <v>351736</v>
      </c>
      <c r="L8" s="23">
        <v>7404</v>
      </c>
      <c r="M8" s="25">
        <v>39622</v>
      </c>
      <c r="N8" s="22">
        <v>373427</v>
      </c>
      <c r="O8" s="23">
        <v>7758</v>
      </c>
      <c r="P8" s="25">
        <v>43811</v>
      </c>
    </row>
    <row r="9" spans="1:16" ht="18" customHeight="1" x14ac:dyDescent="0.2">
      <c r="A9" s="21" t="s">
        <v>16</v>
      </c>
      <c r="B9" s="22">
        <v>146710</v>
      </c>
      <c r="C9" s="23">
        <v>2921</v>
      </c>
      <c r="D9" s="24">
        <v>13320</v>
      </c>
      <c r="E9" s="22">
        <v>154208</v>
      </c>
      <c r="F9" s="23">
        <v>3397</v>
      </c>
      <c r="G9" s="24">
        <v>16056</v>
      </c>
      <c r="H9" s="22">
        <v>177256</v>
      </c>
      <c r="I9" s="23">
        <v>4252</v>
      </c>
      <c r="J9" s="25">
        <v>20225</v>
      </c>
      <c r="K9" s="22">
        <v>180796</v>
      </c>
      <c r="L9" s="23">
        <v>4502</v>
      </c>
      <c r="M9" s="25">
        <v>22219</v>
      </c>
      <c r="N9" s="22">
        <v>181991</v>
      </c>
      <c r="O9" s="23">
        <v>4756</v>
      </c>
      <c r="P9" s="25">
        <v>24068</v>
      </c>
    </row>
    <row r="10" spans="1:16" ht="18" customHeight="1" x14ac:dyDescent="0.2">
      <c r="A10" s="21" t="s">
        <v>17</v>
      </c>
      <c r="B10" s="22">
        <v>103957</v>
      </c>
      <c r="C10" s="23">
        <v>2145</v>
      </c>
      <c r="D10" s="24">
        <v>12038</v>
      </c>
      <c r="E10" s="22">
        <v>105801</v>
      </c>
      <c r="F10" s="23">
        <v>2468</v>
      </c>
      <c r="G10" s="24">
        <v>13562</v>
      </c>
      <c r="H10" s="22">
        <v>105790</v>
      </c>
      <c r="I10" s="23">
        <v>2824</v>
      </c>
      <c r="J10" s="25">
        <v>14525</v>
      </c>
      <c r="K10" s="22">
        <v>103846</v>
      </c>
      <c r="L10" s="23">
        <v>2846</v>
      </c>
      <c r="M10" s="25">
        <v>14901</v>
      </c>
      <c r="N10" s="22">
        <v>100722</v>
      </c>
      <c r="O10" s="23">
        <v>2822</v>
      </c>
      <c r="P10" s="25">
        <v>15800</v>
      </c>
    </row>
    <row r="11" spans="1:16" ht="18" customHeight="1" x14ac:dyDescent="0.2">
      <c r="A11" s="21" t="s">
        <v>18</v>
      </c>
      <c r="B11" s="22">
        <v>58665</v>
      </c>
      <c r="C11" s="23">
        <v>1343</v>
      </c>
      <c r="D11" s="24">
        <v>5938</v>
      </c>
      <c r="E11" s="22">
        <v>61228</v>
      </c>
      <c r="F11" s="23">
        <v>1379</v>
      </c>
      <c r="G11" s="24">
        <v>6694</v>
      </c>
      <c r="H11" s="22">
        <v>63871</v>
      </c>
      <c r="I11" s="23">
        <v>1637</v>
      </c>
      <c r="J11" s="25">
        <v>8214</v>
      </c>
      <c r="K11" s="22">
        <v>64728</v>
      </c>
      <c r="L11" s="23">
        <v>1660</v>
      </c>
      <c r="M11" s="25">
        <v>8566</v>
      </c>
      <c r="N11" s="22">
        <v>64888</v>
      </c>
      <c r="O11" s="23">
        <v>1796</v>
      </c>
      <c r="P11" s="25">
        <v>9066</v>
      </c>
    </row>
    <row r="12" spans="1:16" ht="18" customHeight="1" x14ac:dyDescent="0.2">
      <c r="A12" s="21" t="s">
        <v>19</v>
      </c>
      <c r="B12" s="22">
        <v>43344</v>
      </c>
      <c r="C12" s="23">
        <v>802</v>
      </c>
      <c r="D12" s="24">
        <v>4438</v>
      </c>
      <c r="E12" s="22">
        <v>45288</v>
      </c>
      <c r="F12" s="23">
        <v>816</v>
      </c>
      <c r="G12" s="24">
        <v>4859</v>
      </c>
      <c r="H12" s="22">
        <v>47259</v>
      </c>
      <c r="I12" s="23">
        <v>850</v>
      </c>
      <c r="J12" s="25">
        <v>5302</v>
      </c>
      <c r="K12" s="22">
        <v>46647</v>
      </c>
      <c r="L12" s="23">
        <v>917</v>
      </c>
      <c r="M12" s="25">
        <v>5359</v>
      </c>
      <c r="N12" s="22">
        <v>47342</v>
      </c>
      <c r="O12" s="23">
        <v>1001</v>
      </c>
      <c r="P12" s="25">
        <v>5677</v>
      </c>
    </row>
    <row r="13" spans="1:16" ht="18" customHeight="1" x14ac:dyDescent="0.2">
      <c r="A13" s="21" t="s">
        <v>20</v>
      </c>
      <c r="B13" s="22">
        <v>94584</v>
      </c>
      <c r="C13" s="23">
        <v>1829</v>
      </c>
      <c r="D13" s="24">
        <v>9180</v>
      </c>
      <c r="E13" s="22">
        <v>99889</v>
      </c>
      <c r="F13" s="23">
        <v>1995</v>
      </c>
      <c r="G13" s="24">
        <v>10421</v>
      </c>
      <c r="H13" s="22">
        <v>105314</v>
      </c>
      <c r="I13" s="23">
        <v>2142</v>
      </c>
      <c r="J13" s="25">
        <v>12057</v>
      </c>
      <c r="K13" s="22">
        <v>109416</v>
      </c>
      <c r="L13" s="23">
        <v>2336</v>
      </c>
      <c r="M13" s="25">
        <v>12747</v>
      </c>
      <c r="N13" s="22">
        <v>114000</v>
      </c>
      <c r="O13" s="23">
        <v>2514</v>
      </c>
      <c r="P13" s="25">
        <v>13859</v>
      </c>
    </row>
    <row r="14" spans="1:16" ht="18" customHeight="1" x14ac:dyDescent="0.2">
      <c r="A14" s="21" t="s">
        <v>21</v>
      </c>
      <c r="B14" s="22">
        <v>43512</v>
      </c>
      <c r="C14" s="23">
        <v>945</v>
      </c>
      <c r="D14" s="24">
        <v>4960</v>
      </c>
      <c r="E14" s="22">
        <v>44571</v>
      </c>
      <c r="F14" s="23">
        <v>1049</v>
      </c>
      <c r="G14" s="24">
        <v>5675</v>
      </c>
      <c r="H14" s="22">
        <v>45721</v>
      </c>
      <c r="I14" s="23">
        <v>1130</v>
      </c>
      <c r="J14" s="25">
        <v>6143</v>
      </c>
      <c r="K14" s="22">
        <v>46460</v>
      </c>
      <c r="L14" s="23">
        <v>1191</v>
      </c>
      <c r="M14" s="25">
        <v>6553</v>
      </c>
      <c r="N14" s="22">
        <v>46521</v>
      </c>
      <c r="O14" s="23">
        <v>1301</v>
      </c>
      <c r="P14" s="25">
        <v>6928</v>
      </c>
    </row>
    <row r="15" spans="1:16" ht="18" customHeight="1" x14ac:dyDescent="0.2">
      <c r="A15" s="21" t="s">
        <v>22</v>
      </c>
      <c r="B15" s="22">
        <v>55331</v>
      </c>
      <c r="C15" s="23">
        <v>973</v>
      </c>
      <c r="D15" s="24">
        <v>4977</v>
      </c>
      <c r="E15" s="22">
        <v>59044</v>
      </c>
      <c r="F15" s="23">
        <v>1125</v>
      </c>
      <c r="G15" s="24">
        <v>5895</v>
      </c>
      <c r="H15" s="22">
        <v>62661</v>
      </c>
      <c r="I15" s="23">
        <v>1261</v>
      </c>
      <c r="J15" s="25">
        <v>6732</v>
      </c>
      <c r="K15" s="22">
        <v>64777</v>
      </c>
      <c r="L15" s="23">
        <v>1404</v>
      </c>
      <c r="M15" s="25">
        <v>7348</v>
      </c>
      <c r="N15" s="22">
        <v>65993</v>
      </c>
      <c r="O15" s="23">
        <v>1549</v>
      </c>
      <c r="P15" s="25">
        <v>8003</v>
      </c>
    </row>
    <row r="16" spans="1:16" ht="18" customHeight="1" x14ac:dyDescent="0.2">
      <c r="A16" s="21" t="s">
        <v>23</v>
      </c>
      <c r="B16" s="22">
        <v>15133</v>
      </c>
      <c r="C16" s="23">
        <v>310</v>
      </c>
      <c r="D16" s="24">
        <v>1528</v>
      </c>
      <c r="E16" s="22">
        <v>15698</v>
      </c>
      <c r="F16" s="23">
        <v>309</v>
      </c>
      <c r="G16" s="24">
        <v>1713</v>
      </c>
      <c r="H16" s="22">
        <v>16252</v>
      </c>
      <c r="I16" s="23">
        <v>334</v>
      </c>
      <c r="J16" s="25">
        <v>1948</v>
      </c>
      <c r="K16" s="22">
        <v>16249</v>
      </c>
      <c r="L16" s="23">
        <v>380</v>
      </c>
      <c r="M16" s="25">
        <v>1988</v>
      </c>
      <c r="N16" s="22">
        <v>15892</v>
      </c>
      <c r="O16" s="23">
        <v>347</v>
      </c>
      <c r="P16" s="25">
        <v>2010</v>
      </c>
    </row>
    <row r="17" spans="1:16" ht="18" customHeight="1" x14ac:dyDescent="0.2">
      <c r="A17" s="21" t="s">
        <v>24</v>
      </c>
      <c r="B17" s="22">
        <v>11194</v>
      </c>
      <c r="C17" s="23">
        <v>276</v>
      </c>
      <c r="D17" s="24">
        <v>1314</v>
      </c>
      <c r="E17" s="22">
        <v>11209</v>
      </c>
      <c r="F17" s="23">
        <v>325</v>
      </c>
      <c r="G17" s="24">
        <v>1481</v>
      </c>
      <c r="H17" s="22">
        <v>11216</v>
      </c>
      <c r="I17" s="23">
        <v>338</v>
      </c>
      <c r="J17" s="25">
        <v>1612</v>
      </c>
      <c r="K17" s="22">
        <v>10800</v>
      </c>
      <c r="L17" s="23">
        <v>337</v>
      </c>
      <c r="M17" s="25">
        <v>1639</v>
      </c>
      <c r="N17" s="22">
        <v>10249</v>
      </c>
      <c r="O17" s="23">
        <v>337</v>
      </c>
      <c r="P17" s="25">
        <v>1635</v>
      </c>
    </row>
    <row r="18" spans="1:16" ht="18" customHeight="1" x14ac:dyDescent="0.2">
      <c r="A18" s="21" t="s">
        <v>25</v>
      </c>
      <c r="B18" s="22">
        <v>36165</v>
      </c>
      <c r="C18" s="23">
        <v>710</v>
      </c>
      <c r="D18" s="24">
        <v>3381</v>
      </c>
      <c r="E18" s="22">
        <v>37661</v>
      </c>
      <c r="F18" s="23">
        <v>765</v>
      </c>
      <c r="G18" s="24">
        <v>3909</v>
      </c>
      <c r="H18" s="22">
        <v>39910</v>
      </c>
      <c r="I18" s="23">
        <v>855</v>
      </c>
      <c r="J18" s="25">
        <v>4543</v>
      </c>
      <c r="K18" s="22">
        <v>40522</v>
      </c>
      <c r="L18" s="23">
        <v>931</v>
      </c>
      <c r="M18" s="25">
        <v>4807</v>
      </c>
      <c r="N18" s="22">
        <v>40911</v>
      </c>
      <c r="O18" s="23">
        <v>1072</v>
      </c>
      <c r="P18" s="25">
        <v>5243</v>
      </c>
    </row>
    <row r="19" spans="1:16" ht="18" customHeight="1" x14ac:dyDescent="0.2">
      <c r="A19" s="21" t="s">
        <v>26</v>
      </c>
      <c r="B19" s="22">
        <v>49274</v>
      </c>
      <c r="C19" s="23">
        <v>1007</v>
      </c>
      <c r="D19" s="24">
        <v>4441</v>
      </c>
      <c r="E19" s="22">
        <v>51561</v>
      </c>
      <c r="F19" s="23">
        <v>1120</v>
      </c>
      <c r="G19" s="24">
        <v>5209</v>
      </c>
      <c r="H19" s="22">
        <v>53405</v>
      </c>
      <c r="I19" s="23">
        <v>1305</v>
      </c>
      <c r="J19" s="25">
        <v>6154</v>
      </c>
      <c r="K19" s="22">
        <v>54991</v>
      </c>
      <c r="L19" s="23">
        <v>1453</v>
      </c>
      <c r="M19" s="25">
        <v>6827</v>
      </c>
      <c r="N19" s="22">
        <v>55705</v>
      </c>
      <c r="O19" s="23">
        <v>1535</v>
      </c>
      <c r="P19" s="25">
        <v>7404</v>
      </c>
    </row>
    <row r="20" spans="1:16" ht="18" customHeight="1" x14ac:dyDescent="0.2">
      <c r="A20" s="21" t="s">
        <v>27</v>
      </c>
      <c r="B20" s="22">
        <v>53038</v>
      </c>
      <c r="C20" s="23">
        <v>1085</v>
      </c>
      <c r="D20" s="24">
        <v>5237</v>
      </c>
      <c r="E20" s="22">
        <v>55454</v>
      </c>
      <c r="F20" s="23">
        <v>1231</v>
      </c>
      <c r="G20" s="24">
        <v>6109</v>
      </c>
      <c r="H20" s="22">
        <v>57066</v>
      </c>
      <c r="I20" s="23">
        <v>1328</v>
      </c>
      <c r="J20" s="25">
        <v>6793</v>
      </c>
      <c r="K20" s="22">
        <v>60113</v>
      </c>
      <c r="L20" s="23">
        <v>1441</v>
      </c>
      <c r="M20" s="25">
        <v>7683</v>
      </c>
      <c r="N20" s="22">
        <v>59700</v>
      </c>
      <c r="O20" s="23">
        <v>1473</v>
      </c>
      <c r="P20" s="25">
        <v>7962</v>
      </c>
    </row>
    <row r="21" spans="1:16" ht="18" customHeight="1" x14ac:dyDescent="0.2">
      <c r="A21" s="21" t="s">
        <v>28</v>
      </c>
      <c r="B21" s="22">
        <v>22392</v>
      </c>
      <c r="C21" s="23">
        <v>418</v>
      </c>
      <c r="D21" s="24">
        <v>1891</v>
      </c>
      <c r="E21" s="22">
        <v>23479</v>
      </c>
      <c r="F21" s="23">
        <v>511</v>
      </c>
      <c r="G21" s="24">
        <v>2300</v>
      </c>
      <c r="H21" s="22">
        <v>24384</v>
      </c>
      <c r="I21" s="23">
        <v>525</v>
      </c>
      <c r="J21" s="25">
        <v>2670</v>
      </c>
      <c r="K21" s="22">
        <v>24837</v>
      </c>
      <c r="L21" s="23">
        <v>591</v>
      </c>
      <c r="M21" s="25">
        <v>2847</v>
      </c>
      <c r="N21" s="22">
        <v>25352</v>
      </c>
      <c r="O21" s="23">
        <v>624</v>
      </c>
      <c r="P21" s="25">
        <v>3050</v>
      </c>
    </row>
    <row r="22" spans="1:16" ht="18" customHeight="1" x14ac:dyDescent="0.2">
      <c r="A22" s="21" t="s">
        <v>29</v>
      </c>
      <c r="B22" s="22">
        <v>28985</v>
      </c>
      <c r="C22" s="23">
        <v>515</v>
      </c>
      <c r="D22" s="24">
        <v>2366</v>
      </c>
      <c r="E22" s="22">
        <v>31377</v>
      </c>
      <c r="F22" s="23">
        <v>638</v>
      </c>
      <c r="G22" s="24">
        <v>2850</v>
      </c>
      <c r="H22" s="22">
        <v>32843</v>
      </c>
      <c r="I22" s="23">
        <v>658</v>
      </c>
      <c r="J22" s="25">
        <v>3194</v>
      </c>
      <c r="K22" s="22">
        <v>34571</v>
      </c>
      <c r="L22" s="23">
        <v>767</v>
      </c>
      <c r="M22" s="25">
        <v>3687</v>
      </c>
      <c r="N22" s="22">
        <v>36409</v>
      </c>
      <c r="O22" s="23">
        <v>784</v>
      </c>
      <c r="P22" s="25">
        <v>4109</v>
      </c>
    </row>
    <row r="23" spans="1:16" ht="18" customHeight="1" x14ac:dyDescent="0.2">
      <c r="A23" s="21" t="s">
        <v>30</v>
      </c>
      <c r="B23" s="22">
        <v>31407</v>
      </c>
      <c r="C23" s="23">
        <v>578</v>
      </c>
      <c r="D23" s="24">
        <v>2966</v>
      </c>
      <c r="E23" s="22">
        <v>33295</v>
      </c>
      <c r="F23" s="23">
        <v>1166</v>
      </c>
      <c r="G23" s="24">
        <v>3827</v>
      </c>
      <c r="H23" s="22">
        <v>33098</v>
      </c>
      <c r="I23" s="23">
        <v>767</v>
      </c>
      <c r="J23" s="25">
        <v>3845</v>
      </c>
      <c r="K23" s="22">
        <v>33580</v>
      </c>
      <c r="L23" s="23">
        <v>824</v>
      </c>
      <c r="M23" s="25">
        <v>4215</v>
      </c>
      <c r="N23" s="22">
        <v>34235</v>
      </c>
      <c r="O23" s="23">
        <v>853</v>
      </c>
      <c r="P23" s="25">
        <v>4573</v>
      </c>
    </row>
    <row r="24" spans="1:16" ht="18" customHeight="1" x14ac:dyDescent="0.2">
      <c r="A24" s="21" t="s">
        <v>31</v>
      </c>
      <c r="B24" s="22">
        <v>9326</v>
      </c>
      <c r="C24" s="23">
        <v>161</v>
      </c>
      <c r="D24" s="24">
        <v>816</v>
      </c>
      <c r="E24" s="22">
        <v>9611</v>
      </c>
      <c r="F24" s="23">
        <v>193</v>
      </c>
      <c r="G24" s="24">
        <v>1008</v>
      </c>
      <c r="H24" s="22">
        <v>9993</v>
      </c>
      <c r="I24" s="23">
        <v>224</v>
      </c>
      <c r="J24" s="25">
        <v>1116</v>
      </c>
      <c r="K24" s="22">
        <v>10495</v>
      </c>
      <c r="L24" s="23">
        <v>270</v>
      </c>
      <c r="M24" s="25">
        <v>1263</v>
      </c>
      <c r="N24" s="22">
        <v>10370</v>
      </c>
      <c r="O24" s="23">
        <v>279</v>
      </c>
      <c r="P24" s="25">
        <v>1355</v>
      </c>
    </row>
    <row r="25" spans="1:16" ht="18" customHeight="1" thickBot="1" x14ac:dyDescent="0.25">
      <c r="A25" s="26" t="s">
        <v>32</v>
      </c>
      <c r="B25" s="27">
        <v>20025</v>
      </c>
      <c r="C25" s="28">
        <v>446</v>
      </c>
      <c r="D25" s="29">
        <v>1586</v>
      </c>
      <c r="E25" s="27">
        <v>20535</v>
      </c>
      <c r="F25" s="28">
        <v>498</v>
      </c>
      <c r="G25" s="29">
        <v>1892</v>
      </c>
      <c r="H25" s="27">
        <v>21225</v>
      </c>
      <c r="I25" s="28">
        <v>544</v>
      </c>
      <c r="J25" s="30">
        <v>2238</v>
      </c>
      <c r="K25" s="27">
        <v>22015</v>
      </c>
      <c r="L25" s="28">
        <v>601</v>
      </c>
      <c r="M25" s="30">
        <v>2585</v>
      </c>
      <c r="N25" s="27">
        <v>21876</v>
      </c>
      <c r="O25" s="28">
        <v>698</v>
      </c>
      <c r="P25" s="30">
        <v>2873</v>
      </c>
    </row>
    <row r="26" spans="1:16" ht="18" customHeight="1" thickTop="1" x14ac:dyDescent="0.2">
      <c r="A26" s="21" t="s">
        <v>33</v>
      </c>
      <c r="B26" s="22">
        <v>7884</v>
      </c>
      <c r="C26" s="23">
        <v>127</v>
      </c>
      <c r="D26" s="24">
        <v>796</v>
      </c>
      <c r="E26" s="22">
        <v>8383</v>
      </c>
      <c r="F26" s="23">
        <v>158</v>
      </c>
      <c r="G26" s="24">
        <v>853</v>
      </c>
      <c r="H26" s="22">
        <v>8827</v>
      </c>
      <c r="I26" s="23">
        <v>152</v>
      </c>
      <c r="J26" s="25">
        <v>900</v>
      </c>
      <c r="K26" s="22">
        <v>8603</v>
      </c>
      <c r="L26" s="23">
        <v>160</v>
      </c>
      <c r="M26" s="25">
        <v>907</v>
      </c>
      <c r="N26" s="22">
        <v>8842</v>
      </c>
      <c r="O26" s="23">
        <v>192</v>
      </c>
      <c r="P26" s="25">
        <v>982</v>
      </c>
    </row>
    <row r="27" spans="1:16" ht="18" customHeight="1" x14ac:dyDescent="0.2">
      <c r="A27" s="21" t="s">
        <v>34</v>
      </c>
      <c r="B27" s="22">
        <v>10922</v>
      </c>
      <c r="C27" s="23">
        <v>245</v>
      </c>
      <c r="D27" s="24">
        <v>962</v>
      </c>
      <c r="E27" s="22">
        <v>11524</v>
      </c>
      <c r="F27" s="23">
        <v>259</v>
      </c>
      <c r="G27" s="24">
        <v>1166</v>
      </c>
      <c r="H27" s="22">
        <v>11858</v>
      </c>
      <c r="I27" s="23">
        <v>277</v>
      </c>
      <c r="J27" s="25">
        <v>1392</v>
      </c>
      <c r="K27" s="22">
        <v>12117</v>
      </c>
      <c r="L27" s="23">
        <v>304</v>
      </c>
      <c r="M27" s="25">
        <v>1487</v>
      </c>
      <c r="N27" s="22">
        <v>12444</v>
      </c>
      <c r="O27" s="23">
        <v>352</v>
      </c>
      <c r="P27" s="25">
        <v>1581</v>
      </c>
    </row>
    <row r="28" spans="1:16" ht="18" customHeight="1" x14ac:dyDescent="0.2">
      <c r="A28" s="21" t="s">
        <v>35</v>
      </c>
      <c r="B28" s="22">
        <v>7396</v>
      </c>
      <c r="C28" s="23">
        <v>150</v>
      </c>
      <c r="D28" s="24">
        <v>711</v>
      </c>
      <c r="E28" s="22">
        <v>7938</v>
      </c>
      <c r="F28" s="23">
        <v>167</v>
      </c>
      <c r="G28" s="24">
        <v>843</v>
      </c>
      <c r="H28" s="22">
        <v>8322</v>
      </c>
      <c r="I28" s="23">
        <v>192</v>
      </c>
      <c r="J28" s="25">
        <v>878</v>
      </c>
      <c r="K28" s="22">
        <v>8157</v>
      </c>
      <c r="L28" s="23">
        <v>204</v>
      </c>
      <c r="M28" s="25">
        <v>871</v>
      </c>
      <c r="N28" s="22">
        <v>8553</v>
      </c>
      <c r="O28" s="23">
        <v>247</v>
      </c>
      <c r="P28" s="25">
        <v>995</v>
      </c>
    </row>
    <row r="29" spans="1:16" ht="18" customHeight="1" x14ac:dyDescent="0.2">
      <c r="A29" s="21" t="s">
        <v>36</v>
      </c>
      <c r="B29" s="22">
        <v>7640</v>
      </c>
      <c r="C29" s="23">
        <v>140</v>
      </c>
      <c r="D29" s="24">
        <v>684</v>
      </c>
      <c r="E29" s="22">
        <v>7601</v>
      </c>
      <c r="F29" s="23">
        <v>145</v>
      </c>
      <c r="G29" s="24">
        <v>792</v>
      </c>
      <c r="H29" s="22">
        <v>7772</v>
      </c>
      <c r="I29" s="23">
        <v>170</v>
      </c>
      <c r="J29" s="25">
        <v>843</v>
      </c>
      <c r="K29" s="22">
        <v>7571</v>
      </c>
      <c r="L29" s="23">
        <v>161</v>
      </c>
      <c r="M29" s="25">
        <v>889</v>
      </c>
      <c r="N29" s="22">
        <v>7537</v>
      </c>
      <c r="O29" s="23">
        <v>187</v>
      </c>
      <c r="P29" s="25">
        <v>946</v>
      </c>
    </row>
    <row r="30" spans="1:16" ht="18" customHeight="1" x14ac:dyDescent="0.2">
      <c r="A30" s="21" t="s">
        <v>37</v>
      </c>
      <c r="B30" s="22">
        <v>1786</v>
      </c>
      <c r="C30" s="23">
        <v>42</v>
      </c>
      <c r="D30" s="24">
        <v>136</v>
      </c>
      <c r="E30" s="22">
        <v>1924</v>
      </c>
      <c r="F30" s="23">
        <v>46</v>
      </c>
      <c r="G30" s="24">
        <v>172</v>
      </c>
      <c r="H30" s="22">
        <v>2099</v>
      </c>
      <c r="I30" s="23">
        <v>55</v>
      </c>
      <c r="J30" s="25">
        <v>231</v>
      </c>
      <c r="K30" s="22">
        <v>2149</v>
      </c>
      <c r="L30" s="23">
        <v>56</v>
      </c>
      <c r="M30" s="25">
        <v>238</v>
      </c>
      <c r="N30" s="22">
        <v>2121</v>
      </c>
      <c r="O30" s="23">
        <v>63</v>
      </c>
      <c r="P30" s="25">
        <v>244</v>
      </c>
    </row>
    <row r="31" spans="1:16" ht="18" customHeight="1" x14ac:dyDescent="0.2">
      <c r="A31" s="21" t="s">
        <v>38</v>
      </c>
      <c r="B31" s="22">
        <v>3490</v>
      </c>
      <c r="C31" s="23">
        <v>67</v>
      </c>
      <c r="D31" s="24">
        <v>298</v>
      </c>
      <c r="E31" s="22">
        <v>3878</v>
      </c>
      <c r="F31" s="23">
        <v>86</v>
      </c>
      <c r="G31" s="24">
        <v>363</v>
      </c>
      <c r="H31" s="22">
        <v>4082</v>
      </c>
      <c r="I31" s="23">
        <v>108</v>
      </c>
      <c r="J31" s="25">
        <v>425</v>
      </c>
      <c r="K31" s="22">
        <v>3896</v>
      </c>
      <c r="L31" s="23">
        <v>116</v>
      </c>
      <c r="M31" s="25">
        <v>452</v>
      </c>
      <c r="N31" s="22">
        <v>4180</v>
      </c>
      <c r="O31" s="23">
        <v>119</v>
      </c>
      <c r="P31" s="25">
        <v>533</v>
      </c>
    </row>
    <row r="32" spans="1:16" ht="18" customHeight="1" x14ac:dyDescent="0.2">
      <c r="A32" s="21" t="s">
        <v>39</v>
      </c>
      <c r="B32" s="22">
        <v>2629</v>
      </c>
      <c r="C32" s="23">
        <v>61</v>
      </c>
      <c r="D32" s="24">
        <v>323</v>
      </c>
      <c r="E32" s="22">
        <v>2628</v>
      </c>
      <c r="F32" s="23">
        <v>73</v>
      </c>
      <c r="G32" s="24">
        <v>336</v>
      </c>
      <c r="H32" s="22">
        <v>2529</v>
      </c>
      <c r="I32" s="23">
        <v>73</v>
      </c>
      <c r="J32" s="25">
        <v>364</v>
      </c>
      <c r="K32" s="22">
        <v>2615</v>
      </c>
      <c r="L32" s="23">
        <v>84</v>
      </c>
      <c r="M32" s="25">
        <v>369</v>
      </c>
      <c r="N32" s="22">
        <v>2593</v>
      </c>
      <c r="O32" s="23">
        <v>79</v>
      </c>
      <c r="P32" s="25">
        <v>396</v>
      </c>
    </row>
    <row r="33" spans="1:16" ht="18" customHeight="1" x14ac:dyDescent="0.2">
      <c r="A33" s="21" t="s">
        <v>40</v>
      </c>
      <c r="B33" s="22">
        <v>2272</v>
      </c>
      <c r="C33" s="23">
        <v>58</v>
      </c>
      <c r="D33" s="24">
        <v>288</v>
      </c>
      <c r="E33" s="22">
        <v>2314</v>
      </c>
      <c r="F33" s="23">
        <v>68</v>
      </c>
      <c r="G33" s="24">
        <v>320</v>
      </c>
      <c r="H33" s="22">
        <v>2319</v>
      </c>
      <c r="I33" s="23">
        <v>86</v>
      </c>
      <c r="J33" s="25">
        <v>328</v>
      </c>
      <c r="K33" s="22">
        <v>2339</v>
      </c>
      <c r="L33" s="23">
        <v>83</v>
      </c>
      <c r="M33" s="25">
        <v>322</v>
      </c>
      <c r="N33" s="22">
        <v>2266</v>
      </c>
      <c r="O33" s="23">
        <v>82</v>
      </c>
      <c r="P33" s="25">
        <v>318</v>
      </c>
    </row>
    <row r="34" spans="1:16" ht="18" customHeight="1" x14ac:dyDescent="0.2">
      <c r="A34" s="21" t="s">
        <v>41</v>
      </c>
      <c r="B34" s="22">
        <v>2741</v>
      </c>
      <c r="C34" s="23">
        <v>47</v>
      </c>
      <c r="D34" s="24">
        <v>259</v>
      </c>
      <c r="E34" s="22">
        <v>3332</v>
      </c>
      <c r="F34" s="23">
        <v>49</v>
      </c>
      <c r="G34" s="24">
        <v>296</v>
      </c>
      <c r="H34" s="22">
        <v>3818</v>
      </c>
      <c r="I34" s="23">
        <v>75</v>
      </c>
      <c r="J34" s="25">
        <v>381</v>
      </c>
      <c r="K34" s="22">
        <v>4084</v>
      </c>
      <c r="L34" s="23">
        <v>92</v>
      </c>
      <c r="M34" s="25">
        <v>441</v>
      </c>
      <c r="N34" s="22">
        <v>4652</v>
      </c>
      <c r="O34" s="23">
        <v>113</v>
      </c>
      <c r="P34" s="25">
        <v>535</v>
      </c>
    </row>
    <row r="35" spans="1:16" ht="18" customHeight="1" x14ac:dyDescent="0.2">
      <c r="A35" s="21" t="s">
        <v>42</v>
      </c>
      <c r="B35" s="22">
        <v>2927</v>
      </c>
      <c r="C35" s="23">
        <v>41</v>
      </c>
      <c r="D35" s="24">
        <v>379</v>
      </c>
      <c r="E35" s="22">
        <v>2655</v>
      </c>
      <c r="F35" s="23">
        <v>54</v>
      </c>
      <c r="G35" s="24">
        <v>364</v>
      </c>
      <c r="H35" s="22">
        <v>2543</v>
      </c>
      <c r="I35" s="23">
        <v>68</v>
      </c>
      <c r="J35" s="25">
        <v>399</v>
      </c>
      <c r="K35" s="22">
        <v>2222</v>
      </c>
      <c r="L35" s="23">
        <v>68</v>
      </c>
      <c r="M35" s="25">
        <v>330</v>
      </c>
      <c r="N35" s="22">
        <v>2075</v>
      </c>
      <c r="O35" s="23">
        <v>73</v>
      </c>
      <c r="P35" s="25">
        <v>336</v>
      </c>
    </row>
    <row r="36" spans="1:16" ht="18" customHeight="1" x14ac:dyDescent="0.2">
      <c r="A36" s="21" t="s">
        <v>43</v>
      </c>
      <c r="B36" s="22">
        <v>1988</v>
      </c>
      <c r="C36" s="23">
        <v>41</v>
      </c>
      <c r="D36" s="24">
        <v>223</v>
      </c>
      <c r="E36" s="22">
        <v>2009</v>
      </c>
      <c r="F36" s="23">
        <v>66</v>
      </c>
      <c r="G36" s="24">
        <v>297</v>
      </c>
      <c r="H36" s="22">
        <v>1939</v>
      </c>
      <c r="I36" s="23">
        <v>63</v>
      </c>
      <c r="J36" s="25">
        <v>301</v>
      </c>
      <c r="K36" s="22">
        <v>1841</v>
      </c>
      <c r="L36" s="23">
        <v>56</v>
      </c>
      <c r="M36" s="25">
        <v>301</v>
      </c>
      <c r="N36" s="22">
        <v>1742</v>
      </c>
      <c r="O36" s="23">
        <v>46</v>
      </c>
      <c r="P36" s="25">
        <v>313</v>
      </c>
    </row>
    <row r="37" spans="1:16" ht="18" customHeight="1" x14ac:dyDescent="0.2">
      <c r="A37" s="21" t="s">
        <v>44</v>
      </c>
      <c r="B37" s="22">
        <v>5956</v>
      </c>
      <c r="C37" s="23">
        <v>132</v>
      </c>
      <c r="D37" s="24">
        <v>808</v>
      </c>
      <c r="E37" s="22">
        <v>6065</v>
      </c>
      <c r="F37" s="23">
        <v>143</v>
      </c>
      <c r="G37" s="24">
        <v>915</v>
      </c>
      <c r="H37" s="22">
        <v>6035</v>
      </c>
      <c r="I37" s="23">
        <v>152</v>
      </c>
      <c r="J37" s="25">
        <v>962</v>
      </c>
      <c r="K37" s="22">
        <v>5815</v>
      </c>
      <c r="L37" s="23">
        <v>156</v>
      </c>
      <c r="M37" s="25">
        <v>929</v>
      </c>
      <c r="N37" s="22">
        <v>5646</v>
      </c>
      <c r="O37" s="23">
        <v>172</v>
      </c>
      <c r="P37" s="25">
        <v>960</v>
      </c>
    </row>
    <row r="38" spans="1:16" ht="18" customHeight="1" x14ac:dyDescent="0.2">
      <c r="A38" s="21" t="s">
        <v>45</v>
      </c>
      <c r="B38" s="22">
        <v>9738</v>
      </c>
      <c r="C38" s="23">
        <v>260</v>
      </c>
      <c r="D38" s="24">
        <v>840</v>
      </c>
      <c r="E38" s="22">
        <v>9842</v>
      </c>
      <c r="F38" s="23">
        <v>292</v>
      </c>
      <c r="G38" s="24">
        <v>961</v>
      </c>
      <c r="H38" s="22">
        <v>10005</v>
      </c>
      <c r="I38" s="23">
        <v>346</v>
      </c>
      <c r="J38" s="25">
        <v>1115</v>
      </c>
      <c r="K38" s="22">
        <v>9653</v>
      </c>
      <c r="L38" s="23">
        <v>350</v>
      </c>
      <c r="M38" s="25">
        <v>1154</v>
      </c>
      <c r="N38" s="22">
        <v>9951</v>
      </c>
      <c r="O38" s="23">
        <v>399</v>
      </c>
      <c r="P38" s="25">
        <v>1374</v>
      </c>
    </row>
    <row r="39" spans="1:16" ht="18" customHeight="1" x14ac:dyDescent="0.2">
      <c r="A39" s="21" t="s">
        <v>46</v>
      </c>
      <c r="B39" s="22">
        <v>623</v>
      </c>
      <c r="C39" s="23">
        <v>13</v>
      </c>
      <c r="D39" s="24">
        <v>68</v>
      </c>
      <c r="E39" s="22">
        <v>672</v>
      </c>
      <c r="F39" s="23">
        <v>22</v>
      </c>
      <c r="G39" s="24">
        <v>72</v>
      </c>
      <c r="H39" s="22">
        <v>742</v>
      </c>
      <c r="I39" s="23">
        <v>19</v>
      </c>
      <c r="J39" s="31">
        <v>89</v>
      </c>
      <c r="K39" s="22">
        <v>757</v>
      </c>
      <c r="L39" s="23">
        <v>23</v>
      </c>
      <c r="M39" s="31">
        <v>87</v>
      </c>
      <c r="N39" s="22">
        <v>741</v>
      </c>
      <c r="O39" s="23">
        <v>26</v>
      </c>
      <c r="P39" s="31">
        <v>86</v>
      </c>
    </row>
    <row r="40" spans="1:16" ht="18" customHeight="1" x14ac:dyDescent="0.2">
      <c r="A40" s="21" t="s">
        <v>47</v>
      </c>
      <c r="B40" s="22">
        <v>5538</v>
      </c>
      <c r="C40" s="23">
        <v>107</v>
      </c>
      <c r="D40" s="24">
        <v>452</v>
      </c>
      <c r="E40" s="22">
        <v>5644</v>
      </c>
      <c r="F40" s="23">
        <v>135</v>
      </c>
      <c r="G40" s="24">
        <v>533</v>
      </c>
      <c r="H40" s="32" t="s">
        <v>48</v>
      </c>
      <c r="I40" s="33" t="s">
        <v>48</v>
      </c>
      <c r="J40" s="34" t="s">
        <v>48</v>
      </c>
      <c r="K40" s="32" t="s">
        <v>49</v>
      </c>
      <c r="L40" s="33" t="s">
        <v>49</v>
      </c>
      <c r="M40" s="34" t="s">
        <v>49</v>
      </c>
      <c r="N40" s="32" t="s">
        <v>49</v>
      </c>
      <c r="O40" s="33" t="s">
        <v>49</v>
      </c>
      <c r="P40" s="34" t="s">
        <v>49</v>
      </c>
    </row>
    <row r="41" spans="1:16" ht="18" customHeight="1" x14ac:dyDescent="0.2">
      <c r="A41" s="21" t="s">
        <v>50</v>
      </c>
      <c r="B41" s="22">
        <v>6663</v>
      </c>
      <c r="C41" s="23">
        <v>171</v>
      </c>
      <c r="D41" s="24">
        <v>553</v>
      </c>
      <c r="E41" s="22">
        <v>6783</v>
      </c>
      <c r="F41" s="23">
        <v>178</v>
      </c>
      <c r="G41" s="24">
        <v>658</v>
      </c>
      <c r="H41" s="32" t="s">
        <v>48</v>
      </c>
      <c r="I41" s="33" t="s">
        <v>48</v>
      </c>
      <c r="J41" s="34" t="s">
        <v>48</v>
      </c>
      <c r="K41" s="32" t="s">
        <v>49</v>
      </c>
      <c r="L41" s="33" t="s">
        <v>49</v>
      </c>
      <c r="M41" s="34" t="s">
        <v>49</v>
      </c>
      <c r="N41" s="32" t="s">
        <v>49</v>
      </c>
      <c r="O41" s="33" t="s">
        <v>49</v>
      </c>
      <c r="P41" s="34" t="s">
        <v>49</v>
      </c>
    </row>
    <row r="42" spans="1:16" ht="18" customHeight="1" x14ac:dyDescent="0.2">
      <c r="A42" s="35" t="s">
        <v>51</v>
      </c>
      <c r="B42" s="22">
        <v>2146</v>
      </c>
      <c r="C42" s="23">
        <v>49</v>
      </c>
      <c r="D42" s="24">
        <v>173</v>
      </c>
      <c r="E42" s="22">
        <v>2115</v>
      </c>
      <c r="F42" s="23">
        <v>50</v>
      </c>
      <c r="G42" s="24">
        <v>205</v>
      </c>
      <c r="H42" s="32" t="s">
        <v>48</v>
      </c>
      <c r="I42" s="33" t="s">
        <v>48</v>
      </c>
      <c r="J42" s="34" t="s">
        <v>48</v>
      </c>
      <c r="K42" s="32" t="s">
        <v>49</v>
      </c>
      <c r="L42" s="33" t="s">
        <v>49</v>
      </c>
      <c r="M42" s="34" t="s">
        <v>49</v>
      </c>
      <c r="N42" s="32" t="s">
        <v>49</v>
      </c>
      <c r="O42" s="33" t="s">
        <v>49</v>
      </c>
      <c r="P42" s="34" t="s">
        <v>49</v>
      </c>
    </row>
    <row r="43" spans="1:16" ht="18" customHeight="1" thickBot="1" x14ac:dyDescent="0.25">
      <c r="A43" s="36" t="s">
        <v>52</v>
      </c>
      <c r="B43" s="37">
        <v>2240</v>
      </c>
      <c r="C43" s="38">
        <v>63</v>
      </c>
      <c r="D43" s="39">
        <v>202</v>
      </c>
      <c r="E43" s="37">
        <v>2259</v>
      </c>
      <c r="F43" s="38">
        <v>69</v>
      </c>
      <c r="G43" s="39">
        <v>239</v>
      </c>
      <c r="H43" s="40" t="s">
        <v>48</v>
      </c>
      <c r="I43" s="41" t="s">
        <v>48</v>
      </c>
      <c r="J43" s="42" t="s">
        <v>48</v>
      </c>
      <c r="K43" s="40" t="s">
        <v>49</v>
      </c>
      <c r="L43" s="41" t="s">
        <v>49</v>
      </c>
      <c r="M43" s="42" t="s">
        <v>49</v>
      </c>
      <c r="N43" s="40" t="s">
        <v>49</v>
      </c>
      <c r="O43" s="41" t="s">
        <v>49</v>
      </c>
      <c r="P43" s="42" t="s">
        <v>49</v>
      </c>
    </row>
    <row r="44" spans="1:16" ht="18" customHeight="1" x14ac:dyDescent="0.2">
      <c r="A44" s="43" t="s">
        <v>53</v>
      </c>
      <c r="B44" s="43"/>
      <c r="C44" s="43"/>
      <c r="D44" s="43"/>
      <c r="E44" s="43"/>
      <c r="F44" s="43"/>
      <c r="G44" s="43"/>
      <c r="H44" s="43"/>
      <c r="I44" s="43"/>
      <c r="J44" s="43"/>
      <c r="K44" s="43"/>
      <c r="L44" s="43"/>
      <c r="M44" s="43"/>
      <c r="N44" s="43"/>
      <c r="O44" s="43"/>
      <c r="P44" s="43"/>
    </row>
    <row r="45" spans="1:16" ht="18" customHeight="1" x14ac:dyDescent="0.2">
      <c r="A45" s="3" t="s">
        <v>54</v>
      </c>
      <c r="B45" s="44"/>
      <c r="C45" s="44"/>
      <c r="D45" s="44"/>
    </row>
    <row r="46" spans="1:16" ht="18" customHeight="1" x14ac:dyDescent="0.2">
      <c r="A46" s="45" t="s">
        <v>55</v>
      </c>
      <c r="B46" s="45"/>
      <c r="C46" s="45"/>
      <c r="D46" s="45"/>
      <c r="E46" s="45"/>
      <c r="F46" s="45"/>
      <c r="G46" s="45"/>
      <c r="H46" s="45"/>
      <c r="I46" s="45"/>
      <c r="J46" s="45"/>
      <c r="K46" s="45"/>
      <c r="L46" s="45"/>
      <c r="M46" s="45"/>
      <c r="N46" s="45"/>
      <c r="O46" s="45"/>
      <c r="P46" s="45"/>
    </row>
    <row r="47" spans="1:16" ht="18" customHeight="1" x14ac:dyDescent="0.2">
      <c r="A47" s="3" t="s">
        <v>56</v>
      </c>
    </row>
    <row r="49" spans="3:3" ht="18" customHeight="1" x14ac:dyDescent="0.2">
      <c r="C49" s="46"/>
    </row>
    <row r="58" spans="3:3" ht="18" customHeight="1" x14ac:dyDescent="0.2">
      <c r="C58" s="47"/>
    </row>
    <row r="59" spans="3:3" ht="18" customHeight="1" x14ac:dyDescent="0.2">
      <c r="C59" s="47"/>
    </row>
  </sheetData>
  <mergeCells count="6">
    <mergeCell ref="N2:P2"/>
    <mergeCell ref="A2:A3"/>
    <mergeCell ref="B2:D2"/>
    <mergeCell ref="E2:G2"/>
    <mergeCell ref="H2:J2"/>
    <mergeCell ref="K2:M2"/>
  </mergeCells>
  <phoneticPr fontId="3"/>
  <pageMargins left="0.59055118110236227" right="0.59055118110236227" top="0.59055118110236227" bottom="0" header="0.39370078740157483" footer="0.39370078740157483"/>
  <pageSetup paperSize="9" scale="67" fitToWidth="0" orientation="landscape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7</vt:lpstr>
      <vt:lpstr>'1-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3T00:55:10Z</dcterms:created>
  <dcterms:modified xsi:type="dcterms:W3CDTF">2024-02-13T00:57:20Z</dcterms:modified>
</cp:coreProperties>
</file>